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68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870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2F1EC2-4DDA-A5D1-C788-74681B3C859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B7452BE-60FE-4B5F-E9A6-3AF53779066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677B47-4611-6A90-7A4B-B37B6EB9CF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3CAD6F-A35E-74F1-D6DB-2C64577375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5D8A92A-E417-54FB-1DC0-4EF079194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41136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090D9E-196F-B9F8-0962-3ED4277484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FF84D31-F2D8-D8A9-5504-F914979451B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BCE368-1ECB-9C5D-F970-2E91E2E0AA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BAAF033-9DBB-2182-A1A9-C5644B2CD3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7B2C49-8587-4267-B784-54E31210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533220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5FD008C-DB82-E66C-CF57-B22ACD776BA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CD86029-CE93-3EC2-741A-749C03B32F0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87A9BB-0DA8-3B80-AB66-32D50BB84F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4DB90EF-5CDA-BE65-D244-249E4D3D37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D11246-D273-0E95-C7BC-A005D284BB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40396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58A178-E619-B782-E76C-EDAE919CD2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0B62106-7563-AC01-EA40-2EF533FDFAC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1A2030-5543-C047-1E08-66BEB68838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10D19E0-4320-CC87-204D-5E2F0DD091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4F4F474-C1C5-377F-862C-4406B4CC40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63095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0BB096-6B37-6B49-6676-7E490988DB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4FA4183-5D58-390A-46FB-13C4EC33764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466BFC5-C663-0805-9808-CCE7819B7F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544B0D-600C-951B-E33F-708C925D32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81A4C0-3FDD-4598-41A2-7E75CC7BA4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073572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0366E5-032D-BDD4-E16A-9EDFFC0634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4449BD-9219-C805-F7A2-8D02230D9D5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C66ED67-AF3E-144E-8B6E-31B9368F52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FCA6E09-161E-ED6D-7F8E-C09DC588AA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60AD0B-0ABE-C94B-6E69-B0B401CA2A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594BE8-A7EB-4418-EB60-B4B42C7EA4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657612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ABACC7-77D5-DBC1-35B8-ED0528275D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0F9EB4-6227-7F75-9E5A-AC286D1EC0C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881991B-DAD2-1EDD-0620-CFB7B5C43C8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09F4D78-118C-E8D0-559B-C49AE443545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D13920E-763B-8C4F-9AEA-A2E98768C73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FE5909C-BFD3-8294-921C-47A0066217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520B401-361A-A622-B195-6E188194A1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4720487-5A72-137C-8DDE-FA4E8A8EE0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46128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0604D6-E58A-33CD-20EF-9E3BA1ACC6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F4971E9-98B0-3988-914D-F528927876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C0133C7-9EAB-1860-3824-2F7472E82B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54FF1D7-2316-3D9B-0B78-24B2482651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92803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FECD532-DF4D-3CE4-EB59-896A8A912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0C5D038-4C2D-2F41-B847-819CCA430B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10F3BB5-875F-8328-CB1E-78D54B55AE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91476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2A0AF8-E3EF-B936-6E54-87C73D64ED5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D60E559-8744-DE9E-B283-1DA15C5D08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E92B5BE-E3DE-FC81-3EA1-81F51B55AA2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32DA5DE-177C-3E67-1D44-5BCDF3E1E4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C8EB61C-5BCA-120A-1A9F-C376ED40B3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E753057-0803-E172-6A90-FC9CD194A8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594824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C9F047-148D-CBE0-1C68-43446AEF5F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204D092-869C-8C88-F44A-79C696318D2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2B63E1-58A2-163A-D0BB-CAECA56433F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DF9CF7E-E07C-4020-C7E4-B9DF82F8BC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B7F9A9E-B860-1A57-093D-A2D734EA07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0AD373F-12BE-4C68-6BD1-995E3B0D6D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20229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436E9E1-FD6F-AD43-6591-777A3C8CB0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0016FB3-E0B3-EA3D-096A-DA5832C241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E7A4AD-D102-9058-6035-82638BDD957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52F68EDB-7096-4A0D-80AA-01DE0B6AD09E}" type="datetimeFigureOut">
              <a:rPr lang="en-US" smtClean="0"/>
              <a:t>9/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E25BD13-CBB3-19E3-A99E-BD44EEDCC31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752647-5BDC-7462-9267-A0DB957642E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56678EB4-9C4D-47F0-819A-89DF3ABD2F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90472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046B79F0-64BD-F90F-8665-D2D6F21979F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2825179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8A4C5E95-CD7F-9D7A-12EE-B03DA5669EE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13989" y="2825179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C3826078-497D-863F-1699-67A2384DC19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30411" y="2743200"/>
            <a:ext cx="105410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221AF0C2-3E9E-CF17-9D39-EF755BC463B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30411" y="3048000"/>
            <a:ext cx="77216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C43E0A7A-EC68-11A3-D92B-000271BFE29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87887" y="3124200"/>
            <a:ext cx="114300" cy="12700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95454632-AE48-1D8C-CB89-F9F8B450C4B9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362188" y="32512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5A11291-CFFC-B860-0D02-FE516BF28D77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81211" y="28406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2F08A615-EE39-DEED-9B8D-3803D51A013D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858655" y="28406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D39654C-9CB0-C14C-0838-3170D21124A5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741509" y="28406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272D15C2-9DF7-1EB9-3504-0E4023F1F55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718954" y="28406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E94E4F4E-DC48-F84B-D3F3-FFA7A7F4BF79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664868" y="28406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1AC6A57D-9107-97AD-3AA5-6AA8F4E38ED0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642313" y="28406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B83D01A8-26CD-3CE0-AC02-026F6BF3099E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588227" y="28406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B6B95B55-50DC-7CFA-077A-3F4445CC7766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565672" y="28406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A8F9B528-1592-9EA4-26B4-27965C5DBA00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8543117" y="28406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2E6A203A-881C-D824-279D-3795AAFFE1F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489031" y="28406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55F6A2CF-F801-EBFD-6539-7BC4EC8C1095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0466475" y="28406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C78AA919-59E8-C45C-0636-9E8D89AC5A5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807855" y="2781300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5AA11252-91BF-D952-78A5-55A359074691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2690708" y="2781300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44C2953-8215-BA3C-516E-44A2D456EAB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668153" y="2781300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1EAA5791-57FA-896F-D888-86B0AAC88A8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614068" y="2781300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B8A9C506-A2B6-DEC3-AEEA-A91CF9D9E07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591512" y="2781300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D5DE5CA8-3AAD-6F4D-A82D-8D8347ADAD50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537427" y="2781300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0DF20C66-9774-15DE-BFF5-52B31617F35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514872" y="2781300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8D877DE4-9C1D-8D29-6A24-A82AA27DB12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492316" y="2781300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832F5155-46B9-850A-116D-A01CD1E22EEB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38230" y="2781300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3134D84C-8FA6-DE94-F25B-2E1803AFC7E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415675" y="2781300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9" name="OTLSHAPE_T_11a5fd20169a4e5aa0bed048dba08ff2_Shape">
            <a:extLst>
              <a:ext uri="{FF2B5EF4-FFF2-40B4-BE49-F238E27FC236}">
                <a16:creationId xmlns:a16="http://schemas.microsoft.com/office/drawing/2014/main" id="{19E589B5-954C-5CA4-F7EC-846E882E329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08776" y="3500755"/>
            <a:ext cx="1524000" cy="203200"/>
          </a:xfrm>
          <a:prstGeom prst="rect">
            <a:avLst/>
          </a:prstGeom>
          <a:solidFill>
            <a:srgbClr val="9BBB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T_23c152327d314e958e11ca251f33fb49_Shape">
            <a:extLst>
              <a:ext uri="{FF2B5EF4-FFF2-40B4-BE49-F238E27FC236}">
                <a16:creationId xmlns:a16="http://schemas.microsoft.com/office/drawing/2014/main" id="{AFF46407-252F-D0F5-0321-6978E1705BD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839386" y="3830955"/>
            <a:ext cx="1295400" cy="203200"/>
          </a:xfrm>
          <a:prstGeom prst="rect">
            <a:avLst/>
          </a:prstGeom>
          <a:solidFill>
            <a:srgbClr val="C0504D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T_f23e460505c24ee88159b421b810b7e4_Shape">
            <a:extLst>
              <a:ext uri="{FF2B5EF4-FFF2-40B4-BE49-F238E27FC236}">
                <a16:creationId xmlns:a16="http://schemas.microsoft.com/office/drawing/2014/main" id="{F66A1214-CD09-6D2D-F91C-DA5B96F5DA5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100605" y="4161155"/>
            <a:ext cx="1587500" cy="203200"/>
          </a:xfrm>
          <a:prstGeom prst="rect">
            <a:avLst/>
          </a:prstGeom>
          <a:solidFill>
            <a:srgbClr val="F79646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T_82d1b7aae77d41a2be14d69f5e501b1b_Shape">
            <a:extLst>
              <a:ext uri="{FF2B5EF4-FFF2-40B4-BE49-F238E27FC236}">
                <a16:creationId xmlns:a16="http://schemas.microsoft.com/office/drawing/2014/main" id="{9D0C483E-D3BA-4DDE-05DA-22B511A7A4B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447440" y="4491355"/>
            <a:ext cx="3657600" cy="203200"/>
          </a:xfrm>
          <a:prstGeom prst="rect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23b42cadd9bc437fb739c68c62737c3a_Shape">
            <a:extLst>
              <a:ext uri="{FF2B5EF4-FFF2-40B4-BE49-F238E27FC236}">
                <a16:creationId xmlns:a16="http://schemas.microsoft.com/office/drawing/2014/main" id="{E47B33C1-FDF3-AF06-284F-E7DCB02F4DA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987829" y="4821555"/>
            <a:ext cx="825500" cy="203200"/>
          </a:xfrm>
          <a:prstGeom prst="rect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T_fe82a054eb724851a93f6a606432bfac_Shape">
            <a:extLst>
              <a:ext uri="{FF2B5EF4-FFF2-40B4-BE49-F238E27FC236}">
                <a16:creationId xmlns:a16="http://schemas.microsoft.com/office/drawing/2014/main" id="{C5D0B237-3359-D7F8-1B95-EA392C1C98D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343639" y="5151755"/>
            <a:ext cx="1104900" cy="203200"/>
          </a:xfrm>
          <a:prstGeom prst="homePlate">
            <a:avLst/>
          </a:prstGeom>
          <a:solidFill>
            <a:srgbClr val="9BBB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11a5fd20169a4e5aa0bed048dba08ff2_ShapePercentage" hidden="1">
            <a:extLst>
              <a:ext uri="{FF2B5EF4-FFF2-40B4-BE49-F238E27FC236}">
                <a16:creationId xmlns:a16="http://schemas.microsoft.com/office/drawing/2014/main" id="{1475310E-7D46-CDA7-403C-90B50A92B8E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208776" y="35007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23c152327d314e958e11ca251f33fb49_ShapePercentage">
            <a:extLst>
              <a:ext uri="{FF2B5EF4-FFF2-40B4-BE49-F238E27FC236}">
                <a16:creationId xmlns:a16="http://schemas.microsoft.com/office/drawing/2014/main" id="{014FA282-4687-0BCF-047A-9B9F872AC126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839386" y="3830955"/>
            <a:ext cx="10414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T_f23e460505c24ee88159b421b810b7e4_ShapePercentage">
            <a:extLst>
              <a:ext uri="{FF2B5EF4-FFF2-40B4-BE49-F238E27FC236}">
                <a16:creationId xmlns:a16="http://schemas.microsoft.com/office/drawing/2014/main" id="{F40F75A5-53F9-784B-DFE3-0EE39C28789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100605" y="4161155"/>
            <a:ext cx="9525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_82d1b7aae77d41a2be14d69f5e501b1b_ShapePercentage">
            <a:extLst>
              <a:ext uri="{FF2B5EF4-FFF2-40B4-BE49-F238E27FC236}">
                <a16:creationId xmlns:a16="http://schemas.microsoft.com/office/drawing/2014/main" id="{6657E5EA-CA1C-B5A9-BCA6-2E31BE8D5E9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447440" y="4491355"/>
            <a:ext cx="36576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23b42cadd9bc437fb739c68c62737c3a_ShapePercentage" hidden="1">
            <a:extLst>
              <a:ext uri="{FF2B5EF4-FFF2-40B4-BE49-F238E27FC236}">
                <a16:creationId xmlns:a16="http://schemas.microsoft.com/office/drawing/2014/main" id="{C40F15E1-A6E8-92E1-0863-3C71EF9D00A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987829" y="48215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T_fe82a054eb724851a93f6a606432bfac_ShapePercentage" hidden="1">
            <a:extLst>
              <a:ext uri="{FF2B5EF4-FFF2-40B4-BE49-F238E27FC236}">
                <a16:creationId xmlns:a16="http://schemas.microsoft.com/office/drawing/2014/main" id="{2675C364-2FB9-8D4D-82BF-CFE00D30BD6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343639" y="5151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11a5fd20169a4e5aa0bed048dba08ff2_BaselineShape" hidden="1">
            <a:extLst>
              <a:ext uri="{FF2B5EF4-FFF2-40B4-BE49-F238E27FC236}">
                <a16:creationId xmlns:a16="http://schemas.microsoft.com/office/drawing/2014/main" id="{2A3A0BB8-EA73-6DDD-AE46-A40AD6CE4EB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208776" y="3665855"/>
            <a:ext cx="15240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T_23c152327d314e958e11ca251f33fb49_BaselineShape" hidden="1">
            <a:extLst>
              <a:ext uri="{FF2B5EF4-FFF2-40B4-BE49-F238E27FC236}">
                <a16:creationId xmlns:a16="http://schemas.microsoft.com/office/drawing/2014/main" id="{39261A05-503A-3E61-63EC-5A0A196771C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839386" y="3996055"/>
            <a:ext cx="12954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T_f23e460505c24ee88159b421b810b7e4_BaselineShape" hidden="1">
            <a:extLst>
              <a:ext uri="{FF2B5EF4-FFF2-40B4-BE49-F238E27FC236}">
                <a16:creationId xmlns:a16="http://schemas.microsoft.com/office/drawing/2014/main" id="{67F01EC5-BD53-0328-B0F3-82D2E38368D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100605" y="4326255"/>
            <a:ext cx="15875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T_82d1b7aae77d41a2be14d69f5e501b1b_BaselineShape" hidden="1">
            <a:extLst>
              <a:ext uri="{FF2B5EF4-FFF2-40B4-BE49-F238E27FC236}">
                <a16:creationId xmlns:a16="http://schemas.microsoft.com/office/drawing/2014/main" id="{B978533C-BC9C-8FBB-F9F2-1A851AA7A4C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447440" y="4656455"/>
            <a:ext cx="66294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T_23b42cadd9bc437fb739c68c62737c3a_BaselineShape" hidden="1">
            <a:extLst>
              <a:ext uri="{FF2B5EF4-FFF2-40B4-BE49-F238E27FC236}">
                <a16:creationId xmlns:a16="http://schemas.microsoft.com/office/drawing/2014/main" id="{1F06A872-0E47-BB55-4FBB-802B956EED7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068840" y="4986655"/>
            <a:ext cx="8255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fe82a054eb724851a93f6a606432bfac_BaselineShape" hidden="1">
            <a:extLst>
              <a:ext uri="{FF2B5EF4-FFF2-40B4-BE49-F238E27FC236}">
                <a16:creationId xmlns:a16="http://schemas.microsoft.com/office/drawing/2014/main" id="{7E8008BA-4BAB-3528-AC05-B96EC7A248D9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888632" y="5316855"/>
            <a:ext cx="11049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T_11a5fd20169a4e5aa0bed048dba08ff2_TextPercentage" hidden="1">
            <a:extLst>
              <a:ext uri="{FF2B5EF4-FFF2-40B4-BE49-F238E27FC236}">
                <a16:creationId xmlns:a16="http://schemas.microsoft.com/office/drawing/2014/main" id="{5DDA48CB-B2BA-8AB3-0B83-F6B64AF49BB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233521"/>
            <a:ext cx="292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3" name="OTLSHAPE_T_11a5fd20169a4e5aa0bed048dba08ff2_StartDate" hidden="1">
            <a:extLst>
              <a:ext uri="{FF2B5EF4-FFF2-40B4-BE49-F238E27FC236}">
                <a16:creationId xmlns:a16="http://schemas.microsoft.com/office/drawing/2014/main" id="{4E787740-DDB6-8B78-4899-D8C74677AFD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11a5fd20169a4e5aa0bed048dba08ff2_EndDate" hidden="1">
            <a:extLst>
              <a:ext uri="{FF2B5EF4-FFF2-40B4-BE49-F238E27FC236}">
                <a16:creationId xmlns:a16="http://schemas.microsoft.com/office/drawing/2014/main" id="{ECBF7249-2C15-E1D4-DE4D-F11AD2FAA93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11a5fd20169a4e5aa0bed048dba08ff2_JoinedDate">
            <a:extLst>
              <a:ext uri="{FF2B5EF4-FFF2-40B4-BE49-F238E27FC236}">
                <a16:creationId xmlns:a16="http://schemas.microsoft.com/office/drawing/2014/main" id="{DDC6439B-FA99-BABD-F18E-19D231C9AE7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773017" y="3532590"/>
            <a:ext cx="660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Jan 13 - Mar 1</a:t>
            </a:r>
          </a:p>
        </p:txBody>
      </p:sp>
      <p:sp>
        <p:nvSpPr>
          <p:cNvPr id="66" name="OTLSHAPE_T_11a5fd20169a4e5aa0bed048dba08ff2_Duration">
            <a:extLst>
              <a:ext uri="{FF2B5EF4-FFF2-40B4-BE49-F238E27FC236}">
                <a16:creationId xmlns:a16="http://schemas.microsoft.com/office/drawing/2014/main" id="{6A963A8D-70D3-D9AF-F806-43592FB4171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810049" y="3540337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67" name="OTLSHAPE_T_11a5fd20169a4e5aa0bed048dba08ff2_Title">
            <a:extLst>
              <a:ext uri="{FF2B5EF4-FFF2-40B4-BE49-F238E27FC236}">
                <a16:creationId xmlns:a16="http://schemas.microsoft.com/office/drawing/2014/main" id="{4244F674-9C9B-AE66-9423-53E9D80B0798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20360" y="35248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71" name="OTLSHAPE_T_23c152327d314e958e11ca251f33fb49_TextPercentage" hidden="1">
            <a:extLst>
              <a:ext uri="{FF2B5EF4-FFF2-40B4-BE49-F238E27FC236}">
                <a16:creationId xmlns:a16="http://schemas.microsoft.com/office/drawing/2014/main" id="{EDB478F8-BD53-B9BC-E672-70140F02EE27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72" name="OTLSHAPE_T_23c152327d314e958e11ca251f33fb49_StartDate" hidden="1">
            <a:extLst>
              <a:ext uri="{FF2B5EF4-FFF2-40B4-BE49-F238E27FC236}">
                <a16:creationId xmlns:a16="http://schemas.microsoft.com/office/drawing/2014/main" id="{C2DC0B3A-2D59-E7DE-C4DA-A7691846FCB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23c152327d314e958e11ca251f33fb49_EndDate" hidden="1">
            <a:extLst>
              <a:ext uri="{FF2B5EF4-FFF2-40B4-BE49-F238E27FC236}">
                <a16:creationId xmlns:a16="http://schemas.microsoft.com/office/drawing/2014/main" id="{9971750D-2716-349F-DAF8-D3396526D54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3c152327d314e958e11ca251f33fb49_JoinedDate">
            <a:extLst>
              <a:ext uri="{FF2B5EF4-FFF2-40B4-BE49-F238E27FC236}">
                <a16:creationId xmlns:a16="http://schemas.microsoft.com/office/drawing/2014/main" id="{E4A4A8D1-A957-D218-CA71-9EF970412B7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182913" y="3862790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Feb 2 - Mar 14</a:t>
            </a:r>
          </a:p>
        </p:txBody>
      </p:sp>
      <p:sp>
        <p:nvSpPr>
          <p:cNvPr id="75" name="OTLSHAPE_T_23c152327d314e958e11ca251f33fb49_Duration">
            <a:extLst>
              <a:ext uri="{FF2B5EF4-FFF2-40B4-BE49-F238E27FC236}">
                <a16:creationId xmlns:a16="http://schemas.microsoft.com/office/drawing/2014/main" id="{675BEB9C-26C9-7727-A75A-29B0DB21016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330302" y="3870537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76" name="OTLSHAPE_T_23c152327d314e958e11ca251f33fb49_Title">
            <a:extLst>
              <a:ext uri="{FF2B5EF4-FFF2-40B4-BE49-F238E27FC236}">
                <a16:creationId xmlns:a16="http://schemas.microsoft.com/office/drawing/2014/main" id="{A3F98E20-407F-2C46-ABB4-03794A9A2F0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61748" y="3855043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80" name="OTLSHAPE_T_f23e460505c24ee88159b421b810b7e4_TextPercentage" hidden="1">
            <a:extLst>
              <a:ext uri="{FF2B5EF4-FFF2-40B4-BE49-F238E27FC236}">
                <a16:creationId xmlns:a16="http://schemas.microsoft.com/office/drawing/2014/main" id="{2C341670-7A37-89BA-5C50-80AE2DD09E5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81" name="OTLSHAPE_T_f23e460505c24ee88159b421b810b7e4_StartDate" hidden="1">
            <a:extLst>
              <a:ext uri="{FF2B5EF4-FFF2-40B4-BE49-F238E27FC236}">
                <a16:creationId xmlns:a16="http://schemas.microsoft.com/office/drawing/2014/main" id="{2C33A4E7-F2DE-480D-AFFD-67C482309AF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f23e460505c24ee88159b421b810b7e4_EndDate" hidden="1">
            <a:extLst>
              <a:ext uri="{FF2B5EF4-FFF2-40B4-BE49-F238E27FC236}">
                <a16:creationId xmlns:a16="http://schemas.microsoft.com/office/drawing/2014/main" id="{828BF0C5-A737-8FE1-1688-81588A6F7DD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f23e460505c24ee88159b421b810b7e4_JoinedDate">
            <a:extLst>
              <a:ext uri="{FF2B5EF4-FFF2-40B4-BE49-F238E27FC236}">
                <a16:creationId xmlns:a16="http://schemas.microsoft.com/office/drawing/2014/main" id="{02C90B95-E791-7570-3623-38EA59EB974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727907" y="4192990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r 14 - May 2</a:t>
            </a:r>
          </a:p>
        </p:txBody>
      </p:sp>
      <p:sp>
        <p:nvSpPr>
          <p:cNvPr id="84" name="OTLSHAPE_T_f23e460505c24ee88159b421b810b7e4_Duration">
            <a:extLst>
              <a:ext uri="{FF2B5EF4-FFF2-40B4-BE49-F238E27FC236}">
                <a16:creationId xmlns:a16="http://schemas.microsoft.com/office/drawing/2014/main" id="{CD9FB37F-BC88-1D4F-D010-A5AF8A3C0E0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733408" y="4200737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85" name="OTLSHAPE_T_f23e460505c24ee88159b421b810b7e4_Title">
            <a:extLst>
              <a:ext uri="{FF2B5EF4-FFF2-40B4-BE49-F238E27FC236}">
                <a16:creationId xmlns:a16="http://schemas.microsoft.com/office/drawing/2014/main" id="{9F16F3ED-CC95-3070-E470-47890AD579F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753895" y="418524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Specs</a:t>
            </a:r>
          </a:p>
        </p:txBody>
      </p:sp>
      <p:sp>
        <p:nvSpPr>
          <p:cNvPr id="89" name="OTLSHAPE_T_82d1b7aae77d41a2be14d69f5e501b1b_TextPercentage" hidden="1">
            <a:extLst>
              <a:ext uri="{FF2B5EF4-FFF2-40B4-BE49-F238E27FC236}">
                <a16:creationId xmlns:a16="http://schemas.microsoft.com/office/drawing/2014/main" id="{09FAB9FF-3A3C-C365-9FEB-7CB9201CCE4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90" name="OTLSHAPE_T_82d1b7aae77d41a2be14d69f5e501b1b_StartDate" hidden="1">
            <a:extLst>
              <a:ext uri="{FF2B5EF4-FFF2-40B4-BE49-F238E27FC236}">
                <a16:creationId xmlns:a16="http://schemas.microsoft.com/office/drawing/2014/main" id="{D17B520B-1D9A-5AEC-DFE0-AE354B97B24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82d1b7aae77d41a2be14d69f5e501b1b_EndDate" hidden="1">
            <a:extLst>
              <a:ext uri="{FF2B5EF4-FFF2-40B4-BE49-F238E27FC236}">
                <a16:creationId xmlns:a16="http://schemas.microsoft.com/office/drawing/2014/main" id="{ED1D27B4-C47B-EBA4-ABCC-29E9885AD81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82d1b7aae77d41a2be14d69f5e501b1b_JoinedDate">
            <a:extLst>
              <a:ext uri="{FF2B5EF4-FFF2-40B4-BE49-F238E27FC236}">
                <a16:creationId xmlns:a16="http://schemas.microsoft.com/office/drawing/2014/main" id="{AE4A3549-D9E0-9787-9308-F67FBA29055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155753" y="4523190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r 25 - Jul 18</a:t>
            </a:r>
          </a:p>
        </p:txBody>
      </p:sp>
      <p:sp>
        <p:nvSpPr>
          <p:cNvPr id="93" name="OTLSHAPE_T_82d1b7aae77d41a2be14d69f5e501b1b_Duration">
            <a:extLst>
              <a:ext uri="{FF2B5EF4-FFF2-40B4-BE49-F238E27FC236}">
                <a16:creationId xmlns:a16="http://schemas.microsoft.com/office/drawing/2014/main" id="{6621877F-A180-5A33-ED0C-9B4E6CBF184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120749" y="4530937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1"/>
                </a:solidFill>
                <a:latin typeface="Calibri" panose="020F0502020204030204" pitchFamily="34" charset="0"/>
              </a:rPr>
              <a:t>84 days</a:t>
            </a:r>
            <a:endParaRPr lang="en-US" sz="8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82d1b7aae77d41a2be14d69f5e501b1b_Title">
            <a:extLst>
              <a:ext uri="{FF2B5EF4-FFF2-40B4-BE49-F238E27FC236}">
                <a16:creationId xmlns:a16="http://schemas.microsoft.com/office/drawing/2014/main" id="{C32CA95C-F892-7088-E9E8-E7098E17A8A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684551" y="451544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98" name="OTLSHAPE_T_23b42cadd9bc437fb739c68c62737c3a_TextPercentage" hidden="1">
            <a:extLst>
              <a:ext uri="{FF2B5EF4-FFF2-40B4-BE49-F238E27FC236}">
                <a16:creationId xmlns:a16="http://schemas.microsoft.com/office/drawing/2014/main" id="{43FD9CBC-646B-A2AC-17DF-E6EC663B3F8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23b42cadd9bc437fb739c68c62737c3a_StartDate" hidden="1">
            <a:extLst>
              <a:ext uri="{FF2B5EF4-FFF2-40B4-BE49-F238E27FC236}">
                <a16:creationId xmlns:a16="http://schemas.microsoft.com/office/drawing/2014/main" id="{01521F1B-361E-058D-047D-30A29F49802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23b42cadd9bc437fb739c68c62737c3a_EndDate" hidden="1">
            <a:extLst>
              <a:ext uri="{FF2B5EF4-FFF2-40B4-BE49-F238E27FC236}">
                <a16:creationId xmlns:a16="http://schemas.microsoft.com/office/drawing/2014/main" id="{ABB54E51-839E-9E50-2CE6-A9BB7AA3DBF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23b42cadd9bc437fb739c68c62737c3a_JoinedDate">
            <a:extLst>
              <a:ext uri="{FF2B5EF4-FFF2-40B4-BE49-F238E27FC236}">
                <a16:creationId xmlns:a16="http://schemas.microsoft.com/office/drawing/2014/main" id="{A97CC86D-2175-D4FD-4F73-2FA7E20CEA0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858400" y="4853390"/>
            <a:ext cx="723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Aug 16 - Sep 10</a:t>
            </a:r>
          </a:p>
        </p:txBody>
      </p:sp>
      <p:sp>
        <p:nvSpPr>
          <p:cNvPr id="102" name="OTLSHAPE_T_23b42cadd9bc437fb739c68c62737c3a_Duration">
            <a:extLst>
              <a:ext uri="{FF2B5EF4-FFF2-40B4-BE49-F238E27FC236}">
                <a16:creationId xmlns:a16="http://schemas.microsoft.com/office/drawing/2014/main" id="{14737647-D262-D7D9-1192-5D20A5DC22A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242266" y="4861137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1"/>
                </a:solidFill>
                <a:latin typeface="Calibri" panose="020F0502020204030204" pitchFamily="34" charset="0"/>
              </a:rPr>
              <a:t>18 days</a:t>
            </a:r>
            <a:endParaRPr lang="en-US" sz="8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23b42cadd9bc437fb739c68c62737c3a_Title">
            <a:extLst>
              <a:ext uri="{FF2B5EF4-FFF2-40B4-BE49-F238E27FC236}">
                <a16:creationId xmlns:a16="http://schemas.microsoft.com/office/drawing/2014/main" id="{8AA641C6-672A-0F50-8A47-CCD57AE2AA6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497694" y="4845643"/>
            <a:ext cx="444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Stabilize</a:t>
            </a:r>
          </a:p>
        </p:txBody>
      </p:sp>
      <p:sp>
        <p:nvSpPr>
          <p:cNvPr id="107" name="OTLSHAPE_T_fe82a054eb724851a93f6a606432bfac_TextPercentage" hidden="1">
            <a:extLst>
              <a:ext uri="{FF2B5EF4-FFF2-40B4-BE49-F238E27FC236}">
                <a16:creationId xmlns:a16="http://schemas.microsoft.com/office/drawing/2014/main" id="{0AFF53B2-636C-431E-1379-2BEBC12AD89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fe82a054eb724851a93f6a606432bfac_StartDate" hidden="1">
            <a:extLst>
              <a:ext uri="{FF2B5EF4-FFF2-40B4-BE49-F238E27FC236}">
                <a16:creationId xmlns:a16="http://schemas.microsoft.com/office/drawing/2014/main" id="{63F5E1AF-A4BB-7DBD-CC56-36B43CA77D0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fe82a054eb724851a93f6a606432bfac_EndDate" hidden="1">
            <a:extLst>
              <a:ext uri="{FF2B5EF4-FFF2-40B4-BE49-F238E27FC236}">
                <a16:creationId xmlns:a16="http://schemas.microsoft.com/office/drawing/2014/main" id="{575E2B0C-09F7-15BA-2113-B68C4039BBC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fe82a054eb724851a93f6a606432bfac_JoinedDate">
            <a:extLst>
              <a:ext uri="{FF2B5EF4-FFF2-40B4-BE49-F238E27FC236}">
                <a16:creationId xmlns:a16="http://schemas.microsoft.com/office/drawing/2014/main" id="{CBEBE081-4ADF-D17A-AC55-17637A2C537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497984" y="5183590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Sep 28 - Nov 1</a:t>
            </a:r>
          </a:p>
        </p:txBody>
      </p:sp>
      <p:sp>
        <p:nvSpPr>
          <p:cNvPr id="111" name="OTLSHAPE_T_fe82a054eb724851a93f6a606432bfac_Duration">
            <a:extLst>
              <a:ext uri="{FF2B5EF4-FFF2-40B4-BE49-F238E27FC236}">
                <a16:creationId xmlns:a16="http://schemas.microsoft.com/office/drawing/2014/main" id="{56C21370-2E39-4FC6-6B5F-F586E9B61AA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739964" y="5191337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12" name="OTLSHAPE_T_fe82a054eb724851a93f6a606432bfac_Title">
            <a:extLst>
              <a:ext uri="{FF2B5EF4-FFF2-40B4-BE49-F238E27FC236}">
                <a16:creationId xmlns:a16="http://schemas.microsoft.com/office/drawing/2014/main" id="{A45A4B80-06AF-E876-5A31-478D61BF796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18825" y="51758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113" name="OTLSHAPE_M_9b39fefad822441faaec2498033d8bd1_Shape">
            <a:extLst>
              <a:ext uri="{FF2B5EF4-FFF2-40B4-BE49-F238E27FC236}">
                <a16:creationId xmlns:a16="http://schemas.microsoft.com/office/drawing/2014/main" id="{1DAE616F-A0F8-75F1-3CA4-55D90D6ADEB0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flipV="1">
            <a:off x="2797100" y="2552700"/>
            <a:ext cx="228600" cy="254000"/>
          </a:xfrm>
          <a:prstGeom prst="triangle">
            <a:avLst/>
          </a:prstGeom>
          <a:solidFill>
            <a:srgbClr val="C0504D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M_6ae31c99f6864aae840de110566ea63d_Shape">
            <a:extLst>
              <a:ext uri="{FF2B5EF4-FFF2-40B4-BE49-F238E27FC236}">
                <a16:creationId xmlns:a16="http://schemas.microsoft.com/office/drawing/2014/main" id="{BB8C8D3D-937A-7A9E-3BD4-558CC138B25B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flipV="1">
            <a:off x="1031394" y="2552700"/>
            <a:ext cx="228600" cy="254000"/>
          </a:xfrm>
          <a:prstGeom prst="triangle">
            <a:avLst/>
          </a:prstGeom>
          <a:solidFill>
            <a:srgbClr val="9BBB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M_04072b436b4048c09d492665495c5db4_Shape">
            <a:extLst>
              <a:ext uri="{FF2B5EF4-FFF2-40B4-BE49-F238E27FC236}">
                <a16:creationId xmlns:a16="http://schemas.microsoft.com/office/drawing/2014/main" id="{A2858975-C82A-97B2-D3CA-341904785DC9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flipV="1">
            <a:off x="4468215" y="2552700"/>
            <a:ext cx="228600" cy="254000"/>
          </a:xfrm>
          <a:prstGeom prst="triangle">
            <a:avLst/>
          </a:prstGeom>
          <a:solidFill>
            <a:srgbClr val="C0504D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M_6fcd8c49a18c4c5daf2b65fe5a4fd0c5_Shape">
            <a:extLst>
              <a:ext uri="{FF2B5EF4-FFF2-40B4-BE49-F238E27FC236}">
                <a16:creationId xmlns:a16="http://schemas.microsoft.com/office/drawing/2014/main" id="{B7F447A4-0D77-1F8D-CA65-EE10BD51ECC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flipV="1">
            <a:off x="6391575" y="2552700"/>
            <a:ext cx="228600" cy="254000"/>
          </a:xfrm>
          <a:prstGeom prst="triangle">
            <a:avLst/>
          </a:prstGeom>
          <a:solidFill>
            <a:srgbClr val="4F81BD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M_46fae9b11a344fd7915b631d9e74babb_Shape">
            <a:extLst>
              <a:ext uri="{FF2B5EF4-FFF2-40B4-BE49-F238E27FC236}">
                <a16:creationId xmlns:a16="http://schemas.microsoft.com/office/drawing/2014/main" id="{D0BF17BC-39DC-E274-BDA4-AFA2030B6556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flipV="1">
            <a:off x="9954518" y="2552700"/>
            <a:ext cx="228600" cy="254000"/>
          </a:xfrm>
          <a:prstGeom prst="triangle">
            <a:avLst/>
          </a:prstGeom>
          <a:solidFill>
            <a:srgbClr val="9BBB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M_c4141af3ac38465cb53fcc7f7a4aa9f5_Shape">
            <a:extLst>
              <a:ext uri="{FF2B5EF4-FFF2-40B4-BE49-F238E27FC236}">
                <a16:creationId xmlns:a16="http://schemas.microsoft.com/office/drawing/2014/main" id="{C93DE51F-5772-DC0B-1FD8-5BEAE3B2CFAF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flipV="1">
            <a:off x="11247268" y="255270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6ae31c99f6864aae840de110566ea63d_Title">
            <a:extLst>
              <a:ext uri="{FF2B5EF4-FFF2-40B4-BE49-F238E27FC236}">
                <a16:creationId xmlns:a16="http://schemas.microsoft.com/office/drawing/2014/main" id="{8B391DCD-7890-F811-4E73-C00904872F6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66980" y="2232745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42" name="OTLSHAPE_M_6ae31c99f6864aae840de110566ea63d_Date">
            <a:extLst>
              <a:ext uri="{FF2B5EF4-FFF2-40B4-BE49-F238E27FC236}">
                <a16:creationId xmlns:a16="http://schemas.microsoft.com/office/drawing/2014/main" id="{EBB07841-F8A5-4D70-ED0A-7AB7CBE4D45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99241" y="2387769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Jan 10</a:t>
            </a:r>
          </a:p>
        </p:txBody>
      </p:sp>
      <p:sp>
        <p:nvSpPr>
          <p:cNvPr id="44" name="OTLSHAPE_M_9b39fefad822441faaec2498033d8bd1_Title">
            <a:extLst>
              <a:ext uri="{FF2B5EF4-FFF2-40B4-BE49-F238E27FC236}">
                <a16:creationId xmlns:a16="http://schemas.microsoft.com/office/drawing/2014/main" id="{A100CE08-94E7-AA64-7BE7-0EC6B39975B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456126" y="2232745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45" name="OTLSHAPE_M_9b39fefad822441faaec2498033d8bd1_Date">
            <a:extLst>
              <a:ext uri="{FF2B5EF4-FFF2-40B4-BE49-F238E27FC236}">
                <a16:creationId xmlns:a16="http://schemas.microsoft.com/office/drawing/2014/main" id="{5920A750-13E1-A59E-AB39-ED03C57415C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773394" y="2387769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47" name="OTLSHAPE_M_04072b436b4048c09d492665495c5db4_Title">
            <a:extLst>
              <a:ext uri="{FF2B5EF4-FFF2-40B4-BE49-F238E27FC236}">
                <a16:creationId xmlns:a16="http://schemas.microsoft.com/office/drawing/2014/main" id="{17BA8612-E328-07BE-E100-4387482AE32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082516" y="2232745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Go No-go Decision </a:t>
            </a:r>
          </a:p>
        </p:txBody>
      </p:sp>
      <p:sp>
        <p:nvSpPr>
          <p:cNvPr id="48" name="OTLSHAPE_M_04072b436b4048c09d492665495c5db4_Date">
            <a:extLst>
              <a:ext uri="{FF2B5EF4-FFF2-40B4-BE49-F238E27FC236}">
                <a16:creationId xmlns:a16="http://schemas.microsoft.com/office/drawing/2014/main" id="{E69DB2B0-B49F-A9A9-000D-C39852C3AC7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428676" y="238776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Apr 29</a:t>
            </a:r>
          </a:p>
        </p:txBody>
      </p:sp>
      <p:sp>
        <p:nvSpPr>
          <p:cNvPr id="50" name="OTLSHAPE_M_6fcd8c49a18c4c5daf2b65fe5a4fd0c5_Title">
            <a:extLst>
              <a:ext uri="{FF2B5EF4-FFF2-40B4-BE49-F238E27FC236}">
                <a16:creationId xmlns:a16="http://schemas.microsoft.com/office/drawing/2014/main" id="{2DCDBAA9-0F21-C413-C3CA-68CEABC5DA0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168647" y="223274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Beta Release</a:t>
            </a:r>
          </a:p>
        </p:txBody>
      </p:sp>
      <p:sp>
        <p:nvSpPr>
          <p:cNvPr id="51" name="OTLSHAPE_M_6fcd8c49a18c4c5daf2b65fe5a4fd0c5_Date">
            <a:extLst>
              <a:ext uri="{FF2B5EF4-FFF2-40B4-BE49-F238E27FC236}">
                <a16:creationId xmlns:a16="http://schemas.microsoft.com/office/drawing/2014/main" id="{352DEC56-D85B-396D-AA62-9C6C60836C6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356755" y="2387769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Jun 29</a:t>
            </a:r>
          </a:p>
        </p:txBody>
      </p:sp>
      <p:sp>
        <p:nvSpPr>
          <p:cNvPr id="53" name="OTLSHAPE_M_46fae9b11a344fd7915b631d9e74babb_Title">
            <a:extLst>
              <a:ext uri="{FF2B5EF4-FFF2-40B4-BE49-F238E27FC236}">
                <a16:creationId xmlns:a16="http://schemas.microsoft.com/office/drawing/2014/main" id="{D964C582-EB55-9842-1036-A32B9503DF1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725706" y="223274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54" name="OTLSHAPE_M_46fae9b11a344fd7915b631d9e74babb_Date">
            <a:extLst>
              <a:ext uri="{FF2B5EF4-FFF2-40B4-BE49-F238E27FC236}">
                <a16:creationId xmlns:a16="http://schemas.microsoft.com/office/drawing/2014/main" id="{AC25801A-56C5-6B40-754A-A14CB561591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916842" y="2387769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56" name="OTLSHAPE_M_c4141af3ac38465cb53fcc7f7a4aa9f5_Title">
            <a:extLst>
              <a:ext uri="{FF2B5EF4-FFF2-40B4-BE49-F238E27FC236}">
                <a16:creationId xmlns:a16="http://schemas.microsoft.com/office/drawing/2014/main" id="{F15D653F-0FB0-E54D-64BA-C7511F77D4B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1020065" y="223274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Project Close</a:t>
            </a:r>
          </a:p>
        </p:txBody>
      </p:sp>
      <p:sp>
        <p:nvSpPr>
          <p:cNvPr id="57" name="OTLSHAPE_M_c4141af3ac38465cb53fcc7f7a4aa9f5_Date">
            <a:extLst>
              <a:ext uri="{FF2B5EF4-FFF2-40B4-BE49-F238E27FC236}">
                <a16:creationId xmlns:a16="http://schemas.microsoft.com/office/drawing/2014/main" id="{1CA616AD-EB31-3E8A-4150-FA6F473A2ED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1198161" y="2387769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119" name="TextBox 118">
            <a:extLst>
              <a:ext uri="{FF2B5EF4-FFF2-40B4-BE49-F238E27FC236}">
                <a16:creationId xmlns:a16="http://schemas.microsoft.com/office/drawing/2014/main" id="{C60A386E-2869-D1EB-CFE2-3707C1D6C4CD}"/>
              </a:ext>
            </a:extLst>
          </p:cNvPr>
          <p:cNvSpPr txBox="1"/>
          <p:nvPr/>
        </p:nvSpPr>
        <p:spPr>
          <a:xfrm>
            <a:off x="740202" y="304800"/>
            <a:ext cx="620694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/>
              <a:t>PowerPoint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286819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W4tVVMiLCJTdHlsZU5hbWUiOm51bGwsIlZlcnNpb24iOnsiJGlkIjoiMiIsIlZlcnNpb24iOiI1LjAuMCIsIk9yaWdpbmFsQXNzZW1ibHlWZXJzaW9uIjoiMTEuMDQuMDAuMDAiLCJFZGl0aW9uIjpudWxsLCJMYXN0U2F2ZWRFZGl0aW9uIjo0LCJJc1BsdXNFZGl0aW9uIjpmYWxzZSwiSXNQcm9FZGl0aW9uIjpmYWxzZX0sIkVmZmVjdCI6MS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Q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g5LCJSIjowLCJHIjowLCJCIjowfX0sIklzVmlzaWJsZSI6dHJ1ZSwiV2lkdGgiOjAuMCwiSGVpZ2h0IjowLjAsIkJvcmRlclN0eWxlIjp7IiRpZCI6IjE0OCIsIkxpbmVDb2xvciI6bnVsbCwiTGluZVdlaWdodCI6MC4wLCJMaW5lVHlwZSI6MCwiUGFyZW50U3R5bGUiOm51bGx9LCJQYXJlbnRTdHlsZSI6bnVsbH0sIkRhdGVGb3JtYXQiOnsiJGlkIjoiM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4IiwiVG9wIjowLjAsIkxlZnQiOjAuMCwiUmlnaHQiOjAuMCwiQm90dG9tIjowLjB9LCJQYWRkaW5nIjp7IiRpZCI6IjE3OSIsIlRvcCI6MC4wLCJMZWZ0IjowLjAsIlJpZ2h0IjowLjAsIkJvdHRvbSI6MC4wfSwiQmFja2dyb3VuZCI6eyIkaWQiOiIxODAiLCJDb2xvciI6eyIkaWQiOiIxODEiLCJBIjo4OSwiUiI6MCwiRyI6MCwiQiI6MH19LCJJc1Zpc2libGUiOnRydWUsIldpZHRoIjowLjAsIkhlaWdodCI6MC4wLCJCb3JkZXJTdHlsZSI6eyIkaWQiOiIxODIiLCJMaW5lQ29sb3IiOm51bGwsIkxpbmVXZWlnaHQiOjAuMCwiTGluZVR5cGUiOjAsIlBhcmVudFN0eWxlIjpudWxsfSwiUGFyZW50U3R5bGUiOm51bGx9LCJEYXRlRm9ybWF0Ijp7IiRpZCI6IjE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IiLCJUb3AiOjAuMCwiTGVmdCI6MC4wLCJSaWdodCI6MC4wLCJCb3R0b20iOjAuMH0sIlBhZGRpbmciOnsiJGlkIjoiMjQzIiwiVG9wIjowLjAsIkxlZnQiOjAuMCwiUmlnaHQiOjAuMCwiQm90dG9tIjowLjB9LCJCYWNrZ3JvdW5kIjp7IiRpZCI6IjI0NCIsIkNvbG9yIjp7IiRpZCI6IjI0NSIsIkEiOjg5LCJSIjowLCJHIjowLCJCIjowfX0sIklzVmlzaWJsZSI6dHJ1ZSwiV2lkdGgiOjAuMCwiSGVpZ2h0IjowLjAsIkJvcmRlclN0eWxlIjp7IiRpZCI6IjI0NiIsIkxpbmVDb2xvciI6bnVsbCwiTGluZVdlaWdodCI6MC4wLCJMaW5lVHlwZSI6MCwiUGFyZW50U3R5bGUiOm51bGx9LCJQYXJlbnRTdHlsZSI6bnVsbH0sIkRhdGVGb3JtYXQiOnsiJGlkIjoiMj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CIsIkZvcm1hdCI6MCwiSXNWaXNpYmxlIjpmYWxzZSwiTGFzdEtub3duVmlzaWJpbGl0eVN0YXRlIjpmYWxzZX0sIklzVmlzaWJsZSI6dHJ1ZSwiUGFyZW50U3R5bGUiOm51bGwsIl9leHBsaWNpdGx5U2V0Ijp7IiRpZCI6IjI0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OSIsIlRvcCI6MC4wLCJMZWZ0IjowLjAsIlJpZ2h0IjowLjAsIkJvdHRvbSI6MC4wfSwiUGFkZGluZyI6eyIkaWQiOiIzNjAiLCJUb3AiOjAuMCwiTGVmdCI6MC4wLCJSaWdodCI6MC4wLCJCb3R0b20iOjAuMH0sIkJhY2tncm91bmQiOnsiJGlkIjoiMzYxIiwiQ29sb3IiOnsiJGlkIjoiMzYyIiwiQSI6ODksIlIiOjAsIkciOjAsIkIiOjB9fSwiSXNWaXNpYmxlIjp0cnVlLCJXaWR0aCI6MC4wLCJIZWlnaHQiOjAuMCwiQm9yZGVyU3R5bGUiOnsiJGlkIjoiMzYzIiwiTGluZUNvbG9yIjpudWxsLCJMaW5lV2VpZ2h0IjowLjAsIkxpbmVUeXBlIjowLCJQYXJlbnRTdHlsZSI6bnVsbH0sIlBhcmVudFN0eWxlIjpudWxsfSwiRGF0ZUZvcm1hdCI6eyIkaWQiOiIz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1IiwiRm9ybWF0IjowLCJJc1Zpc2libGUiOmZhbHNlLCJMYXN0S25vd25WaXNpYmlsaXR5U3RhdGUiOmZhbHNlfSwiSXNWaXNpYmxlIjp0cnVlLCJQYXJlbnRTdHlsZSI6bnVsbCwiX2V4cGxpY2l0bHlTZXQiOnsiJGlkIjoiMzY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g1IiwiVG9wIjowLjAsIkxlZnQiOjAuMCwiUmlnaHQiOjAuMCwiQm90dG9tIjowLjB9LCJQYWRkaW5nIjp7IiRpZCI6IjM4NiIsIlRvcCI6MC4wLCJMZWZ0IjowLjAsIlJpZ2h0IjowLjAsIkJvdHRvbSI6MC4wfSwiQmFja2dyb3VuZCI6eyIkaWQiOiIzODciLCJDb2xvciI6eyIkaWQiOiIzODgiLCJBIjo4OSwiUiI6MCwiRyI6MCwiQiI6MH1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5LCJGb250TmFtZSI6IkNhbGlicmkiLCJJc0JvbGQiOmZhbHNlLCJJc0l0YWxpYyI6ZmFsc2UsIklzVW5kZXJsaW5lZCI6ZmFsc2UsIlBhcmVudFN0eWxlIjpudWxsfSwiQXV0b1NpemUiOjAsIkZvcmVncm91bmQiOnsiJGlkIjoiMzkyIiwiQ29sb3IiOnsiJGlkIjoiMz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QiLCJUb3AiOjAuMCwiTGVmdCI6MC4wLCJSaWdodCI6MC4wLCJCb3R0b20iOjAuMH0sIlBhZGRpbmciOnsiJGlkIjoiMzk1IiwiVG9wIjowLjAsIkxlZnQiOjAuMCwiUmlnaHQiOjAuMCwiQm90dG9tIjowLjB9LCJCYWNrZ3JvdW5kIjp7IiRpZCI6IjM5NiIsIkNvbG9yIjp7IiRpZCI6IjM5NyIsIkEiOjg5LCJSIjowLCJHIjowLCJCIjowfX0sIklzVmlzaWJsZSI6dHJ1ZSwiV2lkdGgiOjAuMCwiSGVpZ2h0IjowLjAsIkJvcmRlclN0eWxlIjp7IiRpZCI6IjM5OCIsIkxpbmVDb2xvciI6bnVsbCwiTGluZVdlaWdodCI6MC4wLCJMaW5lVHlwZSI6MCwiUGFyZW50U3R5bGUiOm51bGx9LCJQYXJlbnRTdHlsZSI6bnVsbH0sIkRhdGVGb3JtYXQiOnsiJGlkIjoiMz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UaXRsZVN0eWxlIjp7IiRpZCI6IjQxMCIsIkZvbnRTZXR0aW5ncyI6eyIkaWQiOiI0MTEiLCJGb250U2l6ZSI6MTAsIkZvbnROYW1lIjoiQ2FsaWJyaSIsIklzQm9sZCI6dHJ1ZSwiSXNJdGFsaWMiOmZhbHNlLCJJc1VuZGVybGluZWQiOmZhbHNlLCJQYXJlbnRTdHlsZSI6bnVsbH0sIkF1dG9TaXplIjowLCJGb3JlZ3JvdW5kIjp7IiRpZCI6IjQxMiIsIkNvbG9yIjp7IiRpZCI6IjQx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MyIsIlRvcCI6MC4wLCJMZWZ0IjowLjAsIlJpZ2h0IjowLjAsIkJvdHRvbSI6MC4wfSwiUGFkZGluZyI6eyIkaWQiOiI0MjQiLCJUb3AiOjAuMCwiTGVmdCI6MC4wLCJSaWdodCI6MC4wLCJCb3R0b20iOjAuMH0sIkJhY2tncm91bmQiOnsiJGlkIjoiNDI1IiwiQ29sb3IiOnsiJGlkIjoiNDI2IiwiQSI6ODksIlIiOjAsIkciOjAsIkIiOjB9fSwiSXNWaXNpYmxlIjp0cnVlLCJXaWR0aCI6MC4wLCJIZWlnaHQiOjAuMCwiQm9yZGVyU3R5bGUiOnsiJGlkIjoiNDI3IiwiTGluZUNvbG9yIjpudWxsLCJMaW5lV2VpZ2h0IjowLjAsIkxpbmVUeXBlIjowLCJQYXJlbnRTdHlsZSI6bnVsbH0sIlBhcmVudFN0eWxlIjpudWxsfSwiRGF0ZUZvcm1hdCI6eyIkaWQiOiI0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MCwiUiI6MjU1LCJHIjoyNTUsIkIiOjI1NX19LCJJc1Zpc2libGUiOnRydWUsIldpZHRoIjowLjAsIkhlaWdodCI6MC4wLCJCb3JkZXJTdHlsZSI6eyIkaWQiOiI1MDMiLCJMaW5lQ29sb3IiOm51bGwsIkxpbmVXZWlnaHQiOjAuMCwiTGluZVR5cGUiOjAsIlBhcmVudFN0eWxlIjpudWxsfSwiUGFyZW50U3R5bGUiOm51bGx9LCJEYXRlRm9ybWF0Ijp7IiRpZCI6IjU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aWQiOiI2NDAiLCJDb2xvciI6eyIkaWQiOiI2NDEiLCJBIjowLCJSIjoyNTUsIkciOjI1NSwiQiI6MjU1fX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ksIkZvbnROYW1lIjoiQ2FsaWJyaSIsIklzQm9sZCI6ZmFsc2UsIklzSXRhbGljIjpmYWxzZSwiSXNVbmRlcmxpbmVkIjpmYWxzZSwiUGFyZW50U3R5bGUiOm51bGx9LCJBdXRvU2l6ZSI6MCwiRm9yZWdyb3VuZCI6eyIkaWQiOiI2NDUiLCJDb2xvciI6eyIkaWQiOiI2ND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7IiRpZCI6IjY4OCIsIkxpbmVDb2xvciI6bnVsbCwiTGluZVdlaWdodCI6MC4wLCJMaW5lVHlwZSI6MCwiUGFyZW50U3R5bGUiOm51bGx9LCJQYXJlbnRTdHlsZSI6bnVsbH0sIkRhdGVGb3JtYXQiOnsiJGlkIjoiNj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7IiRpZCI6Ijg4MCIsIkNvbG9yIjp7IiRpZCI6Ijg4MSIsIkEiOjAsIlIiOjI1NSwiRyI6MjU1LCJCIjoyNTV9fSwiSXNWaXNpYmxlIjp0cnVlLCJXaWR0aCI6MC4wLCJIZWlnaHQiOjAuMCwiQm9yZGVyU3R5bGUiOnsiJGlkIjoiODgyIiwiTGluZUNvbG9yIjpudWxsLCJMaW5lV2VpZ2h0IjowLjAsIkxpbmVUeXBlIjowLCJQYXJlbnRTdHlsZSI6bnVsbH0sIlBhcmVudFN0eWxlIjpudWxsfSwiRGF0ZUZvcm1hdCI6eyIkaWQiOiI4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wLCJSIjoyNTUsIkciOjI1NSwiQiI6MjU1fX0sIklzVmlzaWJsZSI6dHJ1ZSwiV2lkdGgiOjAuMCwiSGVpZ2h0IjowLjAsIkJvcmRlclN0eWxlIjp7IiRpZCI6IjEwMTIiLCJMaW5lQ29sb3IiOm51bGwsIkxpbmVXZWlnaHQiOjAuMCwiTGluZVR5cGUiOjAsIlBhcmVudFN0eWxlIjpudWxsfSwiUGFyZW50U3R5bGUiOm51bGx9LCJEYXRlRm9ybWF0Ijp7IiRpZCI6IjEw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0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0cnVlfSxcIkxlZnRFbmRDYXBzU3R5bGVcIjp7XCIkaWRcIjpcIjlcIixcIkZvbnRTZXR0aW5nc1wiOntcIiRpZFwiOlwiMTBcIixcIkZvbnRTaXplXCI6MTQ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S4wLFwiTGVmdFwiOjAuMCxcIlJpZ2h0XCI6MC4wLFwiQm90dG9tXCI6NS4wfSxcIkJhY2tncm91bmRcIjp7XCIkaWRcIjpcIjMxXCIsXCJDb2xvclwiOntcIiRpZFwiOlwiMzJcIixcIkFcIjoyNTUsXCJSXCI6MzEsXCJHXCI6NzMsXCJCXCI6MTI1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zMSxcIkdcIjo3MyxcIkJcIjoxMjV9fSxcIklzVmlzaWJsZVwiOmZhbHNlLFwiV2lkdGhcIjowLjAsXCJIZWlnaHRcIjowLjAsXCJCb3JkZXJTdHlsZVwiOm51bGx9LFwiVGFza1N0eWxlXCI6e1wiJGlkXCI6XCI0NFwiLFwiU2hhcGVcIjow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gsXCJGb250TmFtZVwiOlwiQ2FsaWJyaVwiLFwiSXNCb2xkXCI6ZmFsc2UsXCJJc0l0YWxpY1wiOmZhbHNlLFwiSXNVbmRlcmxpbmVkXCI6ZmFsc2V9LFwiRm9yZWdyb3VuZFwiOntcIiRpZFwiOlwiNTRcIixcIkNvbG9yXCI6e1wiJGlkXCI6XCI1NVwiLFwiQVwiOjI1NSxcIlJcIjowLFwiR1wiOjAsXCJCXCI6MH19LFwiSG9yaXpvbnRhbEFsaWdubWVudFwiOjE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NSxcIkR1cmF0aW9uUG9zaXRpb25cIjoyLFwiUGVyY2VudGFnZUNvbXBsZXRlZFBvc2l0aW9uXCI6MCxcIlNwYWNpbmdcIjoxMCxcIklzQmVsb3dUaW1lYmFuZFwiOnRydW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NDcsXCJHXCI6MTUwLFwiQlwiOjcw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IsXCJJc0JlbG93VGltZWJhbmRcIjpmYWxzZSxcIlNoYXBlU2l6ZVwiOjEsXCJQYWRkaW5nXCI6e1wiJGlkXCI6XCI4NVwiLFwiVG9wXCI6NS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1NSxcIkdcIjoxODcsXCJCXCI6ODl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CxcIkZvbnROYW1lXCI6XCJDYWxpYnJpXCIsXCJJc0JvbGRcIjp0cnV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5LFwiRm9udE5hbWVcIjpcIkNhbGlicmlcIixcIklzQm9sZFwiOmZhbHNlLFwiSXNJdGFsaWNcIjpmYWxzZSxcIklzVW5kZXJsaW5lZFwiOmZhbHNlfSxcIkZvcmVncm91bmRcIjp7XCIkaWRcIjpcIjEwMVwiLFwiQ29sb3JcIjp7XCIkaWRcIjpcIjEwMlwiLFwiQVwiOjI1NSxcIlJcIjo2OCxcIkdcIjo4NCxcIkJcIjoxMDZ9fSxcIkhvcml6b250YWxBbGlnbm1lbnRcIjow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y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NTUsXCJHXCI6MTg3LFwiQlwiOjg5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AsXCJGb250TmFtZVwiOlwiQ2FsaWJyaVwiLFwiSXNCb2xkXCI6dHJ1ZSxcIklzSXRhbGljXCI6ZmFsc2UsXCJJc1VuZGVybGluZWRcIjpmYWxzZX0sXCJGb3JlZ3JvdW5kXCI6e1wiJGlkXCI6XCIxMThcIixcIkNvbG9yXCI6e1wiJGlkXCI6XCIxMTlcIixcIkFcIjoyNTUsXCJSXCI6MCxcIkdcIjowLFwiQlwiOjB9fSxcIkhvcml6b250YWxBbGlnbm1lbnRcIjowLFwiSXNWaXNpYmxlXCI6dHJ1ZX0sXCJEYXRlU3R5bGVcIjp7XCIkaWRcIjpcIjEyMFwiLFwiRm9udFNldHRpbmdzXCI6e1wiJGlkXCI6XCIxMjFcIixcIkZvbnRTaXplXCI6OS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xZDYyY2I1Mi01ZDBlLTQ2MGUtYWJjMC1iM2NjM2M1ZGNjOGR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DcsXCJHXCI6MTUwLFwiQlwiOjcw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0NyxcIkdcIjoxNTAsXCJCXCI6NzB9fSxcIklzVmlzaWJsZVwiOnRydWUsXCJXaWR0aFwiOjAuMCxcIkhlaWdodFwiOjAuMCxcIkJvcmRlclN0eWxlXCI6e1wiJGlkXCI6XCIxNDZcIixcIkxpbmVTdHlsZVwiOntcIiRpZFwiOlwiMTQ3XCIsXCJMaW5lQ29sb3JcIjp7XCIkaWRcIjpcIjE0OFwiLFwiQ29sb3JcIjp7XCIkaWRcIjpcIjE0OVwiLFwiQVwiOjI1NSxcIlJcIjoyNTUsXCJHXCI6MCxcIkJcIjowfX0sXCJMaW5lV2VpZ2h0XCI6MC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DcsXCJHXCI6MTUwLFwiQlwiOjc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0NyxcIkdcIjoxNTAsXCJCXCI6NzB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C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Q3LFwiR1wiOjE1MCxcIkJcIjo3MH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CxcIkZvbnROYW1lXCI6XCJDYWxpYnJpXCIsXCJJc0JvbGRcIjp0cnVlLFwiSXNJdGFsaWNcIjpmYWxzZSxcIklzVW5kZXJsaW5lZFwiOmZhbHNlfSxcIkZvcmVncm91bmRcIjp7XCIkaWRcIjpcIjE4NlwiLFwiQ29sb3JcIjp7XCIkaWRcIjpcIjE4N1wiLFwiQVwiOjI1NSxcIlJcIjowLFwiR1wiOjAsXCJCXCI6MH19LFwiSG9yaXpvbnRhbEFsaWdubWVudFwiOjEsXCJJc1Zpc2libGVcIjp0cnVlfSxcIkRhdGVTdHlsZVwiOntcIiRpZFwiOlwiMTg4XCIsXCJGb250U2V0dGluZ3NcIjp7XCIkaWRcIjpcIjE4OVwiLFwiRm9udFNpemVcIjo5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C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TkyLFwiR1wiOjgwLFwiQlwiOjc3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E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CxcIlNwYWNpbmdcIjoxMC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CxcIlNoYXBlU2l6ZVwiOjE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jQ3LFwiR1wiOjE1MCxcIkJcIjo3MH19LFwiSXNWaXNpYmxlXCI6dHJ1ZSxcIldpZHRoXCI6MTguMCxcIkhlaWdodFwiOjIw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CxcIkZvbnROYW1lXCI6XCJDYWxpYnJpXCIsXCJJc0JvbGRcIjp0cnV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Y4LFwiR1wiOjExNCxcIkJcIjoxOTZ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NSxcIlNwYWNpbmdCZWxvd1RpbWViYW5kXCI6NSxcIlNwYWNpbmdBYm92ZUJldHdlZW5Td2ltbGFuZXNBbmRUYXNrc1wiOjUsXCJTcGFjaW5nQmVsb3dCZXR3ZWVuU3dpbWxhbmVzQW5kVGFza3NcIjo1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zMSxcIkdcIjo3MyxcIkJcIjoxMjV9LFwiQWNjZW50M1wiOntcIiRpZFwiOlwiMjc3XCIsXCJBXCI6MjU1LFwiUlwiOjI0NyxcIkdcIjoxNTAsXCJCXCI6NzB9LFwiQWNjZW50NFwiOntcIiRpZFwiOlwiMjc4XCIsXCJBXCI6MjU1LFwiUlwiOjI0NyxcIkdcIjoxNTAsXCJCXCI6Nz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IsIlJlY2VudENvbG9yc0NvbGxlY3Rpb24iOiJbXCIjRkY5QkJCNTlcIixcIiNGRkMwNTA0RFwiLFwiI0ZGRjc5NjQ2XCIsXCIjRkYwMDcyQkNcIixcIiNGRjRGODFCRFwiLFwiI0ZGMDAwMDAwXCIsXCIjRkY0QkFDQzZcIl0ifSwiU2V0dGluZ3MiOnsiJGlkIjoiMTA4NSIsIkltcGFPcHRpb25zIjp7IiRpZCI6IjEwOD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g3IiwiVXNlVGltZSI6ZmFsc2UsIldvcmtEYXlTdGFydCI6IjAwOjAwOjAwIiwiV29ya0RheUVuZCI6IjIzOjU5OjAwIn0sIkxhc3RVc2VkVGVtcGxhdGVJZCI6IjI2MjE0N2NiLTk5NWUtNDY1Mi05Mjk4LTdlYTM1MGZiYzM4YyIsIkxhc3RVc2VkVGhlbWVEZXRhaWxzIjp7IiRpZCI6IjEwODgiLCJJZCI6ImY5NTNkMWI1LTU3MzUtNDg2ZC1iZTI1LTg5MWJhMWQ4YTY4NSIsIlRpdGxlIjoiVW50aXRsZWQgdGhlbWUiLCJDYXRlZ29yeSI6Mn0sIkZpcnN0V2Vla09mWWVhciI6MCwiUGxhY2VNaWxlc3RvbmVBdFRoZUJlZ2lubmluZ09mVGhlRGF5IjpmYWxzZSwiRGVwZW5kZW5jeVNjaGVkdWxpbmdTZXR0aW5ncyI6eyIkaWQiOiIxMDg5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1-13T00:00:00.0000000"/>
  <p:tag name="OTLENDDATE" val="2025-03-01T23:59:00.0000000"/>
  <p:tag name="OTLDURATIONFORMAT" val="day"/>
  <p:tag name="OTLSPACING" val="10"/>
  <p:tag name="OTLSHAPETHICKNESSTYPE" val="Regular"/>
  <p:tag name="OTLPERCENTAGE" val="1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02T00:00:00.0000000"/>
  <p:tag name="OTLENDDATE" val="2025-03-14T23:59:00.0000000"/>
  <p:tag name="OTLDURATIONFORMAT" val="day"/>
  <p:tag name="OTLSPACING" val="10"/>
  <p:tag name="OTLSHAPETHICKNESSTYPE" val="Regular"/>
  <p:tag name="OTLPERCENTAGE" val="8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14T00:00:00.0000000"/>
  <p:tag name="OTLENDDATE" val="2025-05-02T23:59:00.0000000"/>
  <p:tag name="OTLDURATIONFORMAT" val="day"/>
  <p:tag name="OTLSPACING" val="10"/>
  <p:tag name="OTLSHAPETHICKNESSTYPE" val="Regular"/>
  <p:tag name="OTLPERCENTAGE" val="6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25T00:00:00.0000000"/>
  <p:tag name="OTLDURATIONFORMAT" val="day"/>
  <p:tag name="OTLSPACING" val="10"/>
  <p:tag name="OTLSHAPETHICKNESSTYPE" val="Regular"/>
  <p:tag name="OTLPERCENTAGE" val="100"/>
  <p:tag name="OTLENDDATE" val="2025-07-18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Regular"/>
  <p:tag name="OTLSTARTDATE" val="2025-08-16T00:00:00.0000000"/>
  <p:tag name="OTLENDDATE" val="2025-09-10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Regular"/>
  <p:tag name="OTLSTARTDATE" val="2025-09-28T00:00:00.0000000"/>
  <p:tag name="OTLENDDATE" val="2025-11-01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8-01-05T00:00:00.0000000Z"/>
  <p:tag name="OTLTIMEBANDENDDATE" val="2025-12-20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xecutive Review"/>
  <p:tag name="OTLDATE" val="2025-03-07T23:59:00.0000000"/>
  <p:tag name="OTLPOSITIONONTASK" val="None"/>
  <p:tag name="OTLRELATEDTASKID" val="00000000-0000-0000-0000-00000000000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Kickoff"/>
  <p:tag name="OTLDATE" val="2025-01-10T23:59:00.0000000"/>
  <p:tag name="OTLPOSITIONONTASK" val="None"/>
  <p:tag name="OTLRELATEDTASKID" val="00000000-0000-0000-0000-00000000000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o No-go Decision "/>
  <p:tag name="OTLPOSITIONONTASK" val="None"/>
  <p:tag name="OTLRELATEDTASKID" val="00000000-0000-0000-0000-000000000000"/>
  <p:tag name="OTLDATE" val="2025-04-29T23:59:00.0000000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Release"/>
  <p:tag name="OTLDATE" val="2025-06-29T23:59:00.0000000"/>
  <p:tag name="OTLPOSITIONONTASK" val="None"/>
  <p:tag name="OTLRELATEDTASKID" val="00000000-0000-0000-0000-000000000000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Release"/>
  <p:tag name="OTLDATE" val="2025-10-20T23:59:00.0000000"/>
  <p:tag name="OTLPOSITIONONTASK" val="None"/>
  <p:tag name="OTLRELATEDTASKID" val="00000000-0000-0000-0000-000000000000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Close"/>
  <p:tag name="OTLDATE" val="2025-11-30T23:59:00.0000000"/>
  <p:tag name="OTLPOSITIONONTASK" val="None"/>
  <p:tag name="OTLRELATEDTASKID" val="00000000-0000-0000-0000-000000000000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60</TotalTime>
  <Words>198</Words>
  <Application>Microsoft Office PowerPoint</Application>
  <PresentationFormat>Widescreen</PresentationFormat>
  <Paragraphs>5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ptos</vt:lpstr>
      <vt:lpstr>Aptos Display</vt:lpstr>
      <vt:lpstr>Arial</vt:lpstr>
      <vt:lpstr>Calibri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Gabriel Bogdan Mihai Rusu</dc:creator>
  <cp:lastModifiedBy>Gabriel Bogdan Mihai Rusu</cp:lastModifiedBy>
  <cp:revision>2</cp:revision>
  <dcterms:created xsi:type="dcterms:W3CDTF">2025-09-02T07:38:41Z</dcterms:created>
  <dcterms:modified xsi:type="dcterms:W3CDTF">2025-09-02T11:58:53Z</dcterms:modified>
</cp:coreProperties>
</file>